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1575\12_環境衛生G\16_建築物衛生法\10_登録申請（名簿はココ）\一覧掲載\R7.10\02_起案\今回データ\"/>
    </mc:Choice>
  </mc:AlternateContent>
  <xr:revisionPtr revIDLastSave="0" documentId="13_ncr:1_{7FC43404-DE05-4397-95E6-2940A9743F2E}" xr6:coauthVersionLast="47" xr6:coauthVersionMax="47" xr10:uidLastSave="{00000000-0000-0000-0000-000000000000}"/>
  <bookViews>
    <workbookView xWindow="-108" yWindow="-108" windowWidth="23256" windowHeight="13896" xr2:uid="{AC3EA44B-DCCB-4517-B2FB-DD320413BC78}"/>
  </bookViews>
  <sheets>
    <sheet name="４号（水）登録" sheetId="3" r:id="rId1"/>
  </sheets>
  <definedNames>
    <definedName name="_xlnm.Print_Titles" localSheetId="0">'４号（水）登録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6" uniqueCount="55">
  <si>
    <t>登録番号</t>
  </si>
  <si>
    <t>営業所名</t>
  </si>
  <si>
    <t>電話番号</t>
  </si>
  <si>
    <t>郵便番号</t>
  </si>
  <si>
    <t>営業所所在地</t>
  </si>
  <si>
    <t>237-0062</t>
  </si>
  <si>
    <t>252-0815</t>
  </si>
  <si>
    <t>253-0041</t>
  </si>
  <si>
    <t>(株)アサヒ産業環境</t>
  </si>
  <si>
    <t>(0466)88-5656</t>
  </si>
  <si>
    <t>藤沢市石川六丁目18番48号　</t>
    <rPh sb="5" eb="8">
      <t>ロクチョウメ</t>
    </rPh>
    <rPh sb="10" eb="11">
      <t>バン</t>
    </rPh>
    <rPh sb="13" eb="14">
      <t>ゴウ</t>
    </rPh>
    <phoneticPr fontId="1"/>
  </si>
  <si>
    <t>(0466)88-6650</t>
  </si>
  <si>
    <t>建築物飲料水水質検査業　４号登録</t>
  </si>
  <si>
    <t>神奈川県２水第３号</t>
  </si>
  <si>
    <t>(株)神奈川環境研究所</t>
  </si>
  <si>
    <t>藤沢市石川６丁目13番地33</t>
    <rPh sb="6" eb="8">
      <t>チョウメ</t>
    </rPh>
    <rPh sb="10" eb="12">
      <t>バンチ</t>
    </rPh>
    <phoneticPr fontId="1"/>
  </si>
  <si>
    <t>神奈川県２水第10号</t>
  </si>
  <si>
    <t>(株)相新　日本環境調査センター</t>
    <rPh sb="0" eb="3">
      <t>カブシキガイシャ</t>
    </rPh>
    <phoneticPr fontId="1"/>
  </si>
  <si>
    <t>(046)223-4727</t>
  </si>
  <si>
    <t>243-0017</t>
  </si>
  <si>
    <t>厚木市栄町二丁目２番32号</t>
    <rPh sb="5" eb="6">
      <t>2</t>
    </rPh>
    <rPh sb="6" eb="8">
      <t>チョウメ</t>
    </rPh>
    <rPh sb="9" eb="10">
      <t>バン</t>
    </rPh>
    <rPh sb="12" eb="13">
      <t>ゴウ</t>
    </rPh>
    <phoneticPr fontId="1"/>
  </si>
  <si>
    <t>神奈川県２水第16号</t>
  </si>
  <si>
    <t>(株)ダイワ</t>
  </si>
  <si>
    <t>(0463)53-2222</t>
  </si>
  <si>
    <t>254-0082</t>
  </si>
  <si>
    <t>平塚市東豊田369番地</t>
  </si>
  <si>
    <t>神奈川県３水第４号</t>
  </si>
  <si>
    <t>(株)日本水処理技研水質分析センター</t>
    <rPh sb="0" eb="3">
      <t>カブシキガイシャ</t>
    </rPh>
    <phoneticPr fontId="1"/>
  </si>
  <si>
    <t>(042)851-6046</t>
  </si>
  <si>
    <t>252-0001</t>
  </si>
  <si>
    <t>座間市相模が丘1－22－23</t>
    <rPh sb="0" eb="3">
      <t>ザマシ</t>
    </rPh>
    <rPh sb="3" eb="5">
      <t>サガミ</t>
    </rPh>
    <rPh sb="6" eb="7">
      <t>オカ</t>
    </rPh>
    <phoneticPr fontId="1"/>
  </si>
  <si>
    <t>神奈川県３水第５号</t>
  </si>
  <si>
    <t>(株)矢嶋商会</t>
  </si>
  <si>
    <t>(0463)32-4011</t>
  </si>
  <si>
    <t>254-0041</t>
  </si>
  <si>
    <t>平塚市浅間町４番35号</t>
  </si>
  <si>
    <t>神奈川県５水第２号</t>
  </si>
  <si>
    <t>(株)酒井化学研究所</t>
  </si>
  <si>
    <t>(046)263-6764</t>
  </si>
  <si>
    <t>242-0022</t>
  </si>
  <si>
    <t>大和市柳橋一丁目3906番地の９</t>
    <rPh sb="5" eb="8">
      <t>イッチョウメ</t>
    </rPh>
    <rPh sb="12" eb="14">
      <t>バンチ</t>
    </rPh>
    <phoneticPr fontId="1"/>
  </si>
  <si>
    <t>神奈川県10水第１号</t>
  </si>
  <si>
    <t>神奈川県19水第１号</t>
  </si>
  <si>
    <t>クリタ分析センター(株)厚木事業所</t>
    <rPh sb="3" eb="5">
      <t>ブンセキ</t>
    </rPh>
    <rPh sb="12" eb="14">
      <t>アツギ</t>
    </rPh>
    <rPh sb="14" eb="17">
      <t>ジギョウショ</t>
    </rPh>
    <phoneticPr fontId="1"/>
  </si>
  <si>
    <t>(046)206-1206</t>
  </si>
  <si>
    <t>243-0124</t>
  </si>
  <si>
    <t>厚木市森の里若宮７番１号</t>
    <rPh sb="0" eb="3">
      <t>アツギシ</t>
    </rPh>
    <rPh sb="3" eb="4">
      <t>モリ</t>
    </rPh>
    <rPh sb="5" eb="6">
      <t>サト</t>
    </rPh>
    <rPh sb="6" eb="8">
      <t>ワカミヤ</t>
    </rPh>
    <rPh sb="9" eb="10">
      <t>バン</t>
    </rPh>
    <rPh sb="11" eb="12">
      <t>ゴウ</t>
    </rPh>
    <phoneticPr fontId="1"/>
  </si>
  <si>
    <t>神奈川県21水第１号</t>
    <rPh sb="0" eb="4">
      <t>カナガワケン</t>
    </rPh>
    <rPh sb="6" eb="7">
      <t>スイ</t>
    </rPh>
    <rPh sb="7" eb="8">
      <t>ダイ</t>
    </rPh>
    <rPh sb="9" eb="10">
      <t>ゴウ</t>
    </rPh>
    <phoneticPr fontId="1"/>
  </si>
  <si>
    <t>(株)タツタ環境分析センター　神奈川事業所</t>
    <rPh sb="6" eb="8">
      <t>カンキョウ</t>
    </rPh>
    <rPh sb="8" eb="10">
      <t>ブンセキ</t>
    </rPh>
    <rPh sb="15" eb="18">
      <t>カナガワ</t>
    </rPh>
    <rPh sb="18" eb="21">
      <t>ジギョウショ</t>
    </rPh>
    <phoneticPr fontId="1"/>
  </si>
  <si>
    <t>(0467)87-0967</t>
  </si>
  <si>
    <t>茅ヶ崎市茅ヶ崎三丁目３番５号</t>
    <rPh sb="0" eb="4">
      <t>チガサキシ</t>
    </rPh>
    <rPh sb="4" eb="7">
      <t>チガサキ</t>
    </rPh>
    <rPh sb="7" eb="10">
      <t>サンチョウメ</t>
    </rPh>
    <rPh sb="11" eb="12">
      <t>バン</t>
    </rPh>
    <rPh sb="13" eb="14">
      <t>ゴウ</t>
    </rPh>
    <phoneticPr fontId="1"/>
  </si>
  <si>
    <t>神奈川県22水第１号</t>
    <rPh sb="0" eb="4">
      <t>カナガワケン</t>
    </rPh>
    <rPh sb="6" eb="7">
      <t>スイ</t>
    </rPh>
    <rPh sb="7" eb="8">
      <t>ダイ</t>
    </rPh>
    <rPh sb="9" eb="10">
      <t>ゴウ</t>
    </rPh>
    <phoneticPr fontId="1"/>
  </si>
  <si>
    <t>(株)横須賀環境技術センター</t>
    <rPh sb="3" eb="6">
      <t>ヨコスカ</t>
    </rPh>
    <rPh sb="6" eb="8">
      <t>カンキョウ</t>
    </rPh>
    <rPh sb="8" eb="10">
      <t>ギジュツ</t>
    </rPh>
    <phoneticPr fontId="1"/>
  </si>
  <si>
    <t>(046)865-6661</t>
  </si>
  <si>
    <t>横須賀市浦郷町五丁目2931番地</t>
    <rPh sb="7" eb="10">
      <t>５チョウメ</t>
    </rPh>
    <rPh sb="14" eb="16">
      <t>バン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[&lt;=99999999]####&quot;¥&quot;&quot;¥&quot;\!\!\-####;&quot;¥&quot;&quot;¥&quot;\!\!\(000&quot;¥&quot;&quot;¥&quot;\!\!\)&quot;¥&quot;&quot;¥&quot;\!\!\ ###&quot;¥&quot;&quot;¥&quot;\!\!\-####"/>
    <numFmt numFmtId="177" formatCode="[&lt;=999]000;000&quot;¥&quot;&quot;¥&quot;\!\!\-0000"/>
    <numFmt numFmtId="178" formatCode="[&lt;=99999999]####\-####;\(#000\)###\-####"/>
  </numFmts>
  <fonts count="3" x14ac:knownFonts="1">
    <font>
      <sz val="11"/>
      <color theme="1"/>
      <name val="游ゴシック"/>
      <family val="2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6">
    <xf numFmtId="0" fontId="0" fillId="0" borderId="0" xfId="0"/>
    <xf numFmtId="0" fontId="1" fillId="0" borderId="0" xfId="0" applyFont="1" applyAlignment="1">
      <alignment horizontal="left" vertical="center"/>
    </xf>
    <xf numFmtId="176" fontId="1" fillId="0" borderId="0" xfId="0" applyNumberFormat="1" applyFont="1" applyAlignment="1">
      <alignment horizontal="center" vertical="center"/>
    </xf>
    <xf numFmtId="177" fontId="1" fillId="0" borderId="0" xfId="0" applyNumberFormat="1" applyFont="1" applyAlignment="1">
      <alignment horizontal="center" vertical="center"/>
    </xf>
    <xf numFmtId="0" fontId="1" fillId="0" borderId="1" xfId="0" applyFont="1" applyBorder="1" applyAlignment="1">
      <alignment horizontal="center" vertical="center" shrinkToFit="1"/>
    </xf>
    <xf numFmtId="176" fontId="1" fillId="0" borderId="1" xfId="0" applyNumberFormat="1" applyFont="1" applyBorder="1" applyAlignment="1">
      <alignment horizontal="center" vertical="center" shrinkToFit="1"/>
    </xf>
    <xf numFmtId="177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horizontal="center" vertical="center" shrinkToFit="1"/>
    </xf>
    <xf numFmtId="0" fontId="1" fillId="0" borderId="1" xfId="0" applyFont="1" applyBorder="1" applyAlignment="1">
      <alignment vertical="center" shrinkToFit="1"/>
    </xf>
    <xf numFmtId="178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vertical="center" shrinkToFit="1"/>
    </xf>
    <xf numFmtId="176" fontId="1" fillId="0" borderId="0" xfId="0" applyNumberFormat="1" applyFont="1" applyAlignment="1">
      <alignment horizontal="center" vertical="center" shrinkToFit="1"/>
    </xf>
    <xf numFmtId="177" fontId="1" fillId="0" borderId="0" xfId="0" applyNumberFormat="1" applyFont="1" applyAlignment="1">
      <alignment horizontal="center" vertical="center" shrinkToFit="1"/>
    </xf>
    <xf numFmtId="176" fontId="1" fillId="0" borderId="1" xfId="0" applyNumberFormat="1" applyFont="1" applyBorder="1" applyAlignment="1">
      <alignment horizontal="left" vertical="center" shrinkToFit="1"/>
    </xf>
    <xf numFmtId="57" fontId="1" fillId="0" borderId="1" xfId="0" applyNumberFormat="1" applyFont="1" applyBorder="1" applyAlignment="1">
      <alignment horizontal="left" vertical="center" shrinkToFit="1"/>
    </xf>
    <xf numFmtId="176" fontId="1" fillId="0" borderId="2" xfId="0" applyNumberFormat="1" applyFont="1" applyBorder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947C16-329D-43CF-B5E0-996E5E86559E}">
  <dimension ref="A1:E13"/>
  <sheetViews>
    <sheetView tabSelected="1" view="pageLayout" topLeftCell="A22" zoomScaleNormal="100" workbookViewId="0">
      <selection activeCell="C5" sqref="C5"/>
    </sheetView>
  </sheetViews>
  <sheetFormatPr defaultColWidth="8.09765625" defaultRowHeight="20.25" customHeight="1" x14ac:dyDescent="0.45"/>
  <cols>
    <col min="1" max="1" width="16.796875" style="10" customWidth="1"/>
    <col min="2" max="2" width="34" style="10" customWidth="1"/>
    <col min="3" max="3" width="14.09765625" style="11" customWidth="1"/>
    <col min="4" max="4" width="8.296875" style="12" customWidth="1"/>
    <col min="5" max="5" width="43.8984375" style="10" customWidth="1"/>
    <col min="6" max="16384" width="8.09765625" style="10"/>
  </cols>
  <sheetData>
    <row r="1" spans="1:5" s="1" customFormat="1" ht="22.8" customHeight="1" x14ac:dyDescent="0.45">
      <c r="A1" s="1" t="s">
        <v>12</v>
      </c>
      <c r="C1" s="2"/>
      <c r="D1" s="3"/>
    </row>
    <row r="2" spans="1:5" s="7" customFormat="1" ht="22.8" customHeight="1" x14ac:dyDescent="0.45">
      <c r="A2" s="4" t="s">
        <v>0</v>
      </c>
      <c r="B2" s="4" t="s">
        <v>1</v>
      </c>
      <c r="C2" s="5" t="s">
        <v>2</v>
      </c>
      <c r="D2" s="6" t="s">
        <v>3</v>
      </c>
      <c r="E2" s="4" t="s">
        <v>4</v>
      </c>
    </row>
    <row r="3" spans="1:5" ht="22.8" customHeight="1" x14ac:dyDescent="0.45">
      <c r="A3" s="8" t="s">
        <v>13</v>
      </c>
      <c r="B3" s="8" t="s">
        <v>14</v>
      </c>
      <c r="C3" s="9" t="s">
        <v>11</v>
      </c>
      <c r="D3" s="6" t="s">
        <v>6</v>
      </c>
      <c r="E3" s="8" t="s">
        <v>15</v>
      </c>
    </row>
    <row r="4" spans="1:5" ht="22.8" customHeight="1" x14ac:dyDescent="0.45">
      <c r="A4" s="8" t="s">
        <v>16</v>
      </c>
      <c r="B4" s="8" t="s">
        <v>17</v>
      </c>
      <c r="C4" s="9" t="s">
        <v>18</v>
      </c>
      <c r="D4" s="6" t="s">
        <v>19</v>
      </c>
      <c r="E4" s="8" t="s">
        <v>20</v>
      </c>
    </row>
    <row r="5" spans="1:5" ht="22.8" customHeight="1" x14ac:dyDescent="0.45">
      <c r="A5" s="8" t="s">
        <v>21</v>
      </c>
      <c r="B5" s="8" t="s">
        <v>22</v>
      </c>
      <c r="C5" s="9" t="s">
        <v>23</v>
      </c>
      <c r="D5" s="6" t="s">
        <v>24</v>
      </c>
      <c r="E5" s="8" t="s">
        <v>25</v>
      </c>
    </row>
    <row r="6" spans="1:5" ht="22.8" customHeight="1" x14ac:dyDescent="0.45">
      <c r="A6" s="8" t="s">
        <v>26</v>
      </c>
      <c r="B6" s="8" t="s">
        <v>27</v>
      </c>
      <c r="C6" s="9" t="s">
        <v>28</v>
      </c>
      <c r="D6" s="6" t="s">
        <v>29</v>
      </c>
      <c r="E6" s="8" t="s">
        <v>30</v>
      </c>
    </row>
    <row r="7" spans="1:5" ht="22.8" customHeight="1" x14ac:dyDescent="0.45">
      <c r="A7" s="8" t="s">
        <v>31</v>
      </c>
      <c r="B7" s="8" t="s">
        <v>32</v>
      </c>
      <c r="C7" s="9" t="s">
        <v>33</v>
      </c>
      <c r="D7" s="6" t="s">
        <v>34</v>
      </c>
      <c r="E7" s="8" t="s">
        <v>35</v>
      </c>
    </row>
    <row r="8" spans="1:5" ht="22.8" customHeight="1" x14ac:dyDescent="0.45">
      <c r="A8" s="8" t="s">
        <v>36</v>
      </c>
      <c r="B8" s="8" t="s">
        <v>37</v>
      </c>
      <c r="C8" s="9" t="s">
        <v>38</v>
      </c>
      <c r="D8" s="6" t="s">
        <v>39</v>
      </c>
      <c r="E8" s="8" t="s">
        <v>40</v>
      </c>
    </row>
    <row r="9" spans="1:5" ht="22.8" customHeight="1" x14ac:dyDescent="0.45">
      <c r="A9" s="8" t="s">
        <v>41</v>
      </c>
      <c r="B9" s="8" t="s">
        <v>8</v>
      </c>
      <c r="C9" s="9" t="s">
        <v>9</v>
      </c>
      <c r="D9" s="6" t="s">
        <v>6</v>
      </c>
      <c r="E9" s="8" t="s">
        <v>10</v>
      </c>
    </row>
    <row r="10" spans="1:5" ht="22.8" customHeight="1" x14ac:dyDescent="0.45">
      <c r="A10" s="8" t="s">
        <v>42</v>
      </c>
      <c r="B10" s="13" t="s">
        <v>43</v>
      </c>
      <c r="C10" s="6" t="s">
        <v>44</v>
      </c>
      <c r="D10" s="4" t="s">
        <v>45</v>
      </c>
      <c r="E10" s="14" t="s">
        <v>46</v>
      </c>
    </row>
    <row r="11" spans="1:5" ht="22.8" customHeight="1" x14ac:dyDescent="0.45">
      <c r="A11" s="8" t="s">
        <v>47</v>
      </c>
      <c r="B11" s="13" t="s">
        <v>48</v>
      </c>
      <c r="C11" s="6" t="s">
        <v>49</v>
      </c>
      <c r="D11" s="4" t="s">
        <v>7</v>
      </c>
      <c r="E11" s="14" t="s">
        <v>50</v>
      </c>
    </row>
    <row r="12" spans="1:5" ht="22.8" customHeight="1" x14ac:dyDescent="0.45">
      <c r="A12" s="8" t="s">
        <v>51</v>
      </c>
      <c r="B12" s="15" t="s">
        <v>52</v>
      </c>
      <c r="C12" s="9" t="s">
        <v>53</v>
      </c>
      <c r="D12" s="6" t="s">
        <v>5</v>
      </c>
      <c r="E12" s="8" t="s">
        <v>54</v>
      </c>
    </row>
    <row r="13" spans="1:5" ht="21.6" customHeight="1" x14ac:dyDescent="0.45"/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useFirstPageNumber="1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４号（水）登録</vt:lpstr>
      <vt:lpstr>'４号（水）登録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23T04:43:16Z</cp:lastPrinted>
  <dcterms:created xsi:type="dcterms:W3CDTF">2025-10-23T04:22:21Z</dcterms:created>
  <dcterms:modified xsi:type="dcterms:W3CDTF">2025-10-23T04:43:23Z</dcterms:modified>
</cp:coreProperties>
</file>